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48 laser okulistyka\"/>
    </mc:Choice>
  </mc:AlternateContent>
  <xr:revisionPtr revIDLastSave="0" documentId="13_ncr:1_{50B557D3-C0F1-4723-98D7-21B0DE128DDD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8" i="6" l="1"/>
  <c r="I7" i="6"/>
  <c r="K7" i="6" s="1"/>
  <c r="K8" i="6" l="1"/>
  <c r="M8" i="6" s="1"/>
  <c r="L8" i="6" s="1"/>
  <c r="I9" i="6"/>
  <c r="M7" i="6"/>
  <c r="K9" i="6" l="1"/>
  <c r="M9" i="6"/>
  <c r="L7" i="6"/>
</calcChain>
</file>

<file path=xl/sharedStrings.xml><?xml version="1.0" encoding="utf-8"?>
<sst xmlns="http://schemas.openxmlformats.org/spreadsheetml/2006/main" count="37" uniqueCount="37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- jeżeli dotyczy, nr katalogowy, producent,  nazwa handlowa (tożsama z nazwą, która będzie widniała na fakturze) </t>
  </si>
  <si>
    <t>Załącznik nr 2 do Zaproszenia</t>
  </si>
  <si>
    <t>część nr 1</t>
  </si>
  <si>
    <t>sztuka</t>
  </si>
  <si>
    <t>2.</t>
  </si>
  <si>
    <t>doba</t>
  </si>
  <si>
    <t>Laser o długości fal 810 mm do zabiegów przeciwjaskrowych na ciele rzęskowym, przez twardówkę, działającego w dwóch trybach:
1) w trybie fali ciągłej do klasycznej cyklofotokoagulacji
2) w trybie mikropulsów (do podprogowej terapii na ciele rzęskowym).
Wynajem w trybie na życzenie w cylku dobowym.</t>
  </si>
  <si>
    <t>Wartość VAT</t>
  </si>
  <si>
    <t>Wartość brutto</t>
  </si>
  <si>
    <t>WZÓR FORMULARZA CENOWEGO - DZPZ/333/148/2021</t>
  </si>
  <si>
    <t>Dwa rodzaje sond kompatybilnych z laserem:
1) sonda do klasycznej cyklofotokoagulacji (zabieg cyklodestrukcyjny)
2) sonda do terapii mikropulsowej na ciele rzęskowym (terapia podprogowa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3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rgb="FFFFEBFF"/>
        <bgColor indexed="64"/>
      </patternFill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61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9" fontId="4" fillId="0" borderId="10" xfId="6" applyFont="1" applyBorder="1" applyAlignment="1">
      <alignment horizontal="center" vertical="center" wrapText="1"/>
    </xf>
    <xf numFmtId="0" fontId="4" fillId="0" borderId="0" xfId="0" applyFont="1"/>
    <xf numFmtId="164" fontId="4" fillId="0" borderId="23" xfId="0" applyNumberFormat="1" applyFont="1" applyBorder="1" applyAlignment="1">
      <alignment horizontal="center" vertical="center" wrapText="1"/>
    </xf>
    <xf numFmtId="0" fontId="12" fillId="0" borderId="24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3" fillId="0" borderId="29" xfId="0" applyFont="1" applyBorder="1" applyAlignment="1">
      <alignment horizontal="center" vertical="center" wrapText="1"/>
    </xf>
    <xf numFmtId="0" fontId="4" fillId="0" borderId="29" xfId="0" applyFont="1" applyBorder="1" applyAlignment="1">
      <alignment horizontal="center" vertical="center" wrapText="1"/>
    </xf>
    <xf numFmtId="164" fontId="4" fillId="0" borderId="29" xfId="0" applyNumberFormat="1" applyFont="1" applyBorder="1" applyAlignment="1">
      <alignment horizontal="center" vertical="center" wrapText="1"/>
    </xf>
    <xf numFmtId="9" fontId="4" fillId="0" borderId="29" xfId="6" applyFont="1" applyBorder="1" applyAlignment="1">
      <alignment horizontal="center" vertical="center" wrapText="1"/>
    </xf>
    <xf numFmtId="164" fontId="4" fillId="0" borderId="30" xfId="0" applyNumberFormat="1" applyFont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64" fontId="3" fillId="3" borderId="11" xfId="0" applyNumberFormat="1" applyFont="1" applyFill="1" applyBorder="1" applyAlignment="1">
      <alignment horizontal="center" vertical="center" wrapText="1"/>
    </xf>
    <xf numFmtId="164" fontId="3" fillId="4" borderId="11" xfId="0" applyNumberFormat="1" applyFont="1" applyFill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6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2" xfId="0" applyFont="1" applyBorder="1" applyAlignment="1">
      <alignment horizontal="center" wrapText="1"/>
    </xf>
    <xf numFmtId="0" fontId="4" fillId="0" borderId="17" xfId="0" applyFont="1" applyBorder="1" applyAlignment="1">
      <alignment horizontal="center" wrapText="1"/>
    </xf>
    <xf numFmtId="0" fontId="4" fillId="0" borderId="18" xfId="0" applyFont="1" applyBorder="1" applyAlignment="1">
      <alignment horizontal="center" wrapText="1"/>
    </xf>
    <xf numFmtId="0" fontId="4" fillId="0" borderId="13" xfId="0" applyFont="1" applyBorder="1" applyAlignment="1">
      <alignment horizont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4" fillId="5" borderId="1" xfId="0" applyFont="1" applyFill="1" applyBorder="1"/>
    <xf numFmtId="0" fontId="3" fillId="5" borderId="25" xfId="0" applyFont="1" applyFill="1" applyBorder="1" applyAlignment="1">
      <alignment horizontal="center" vertical="center" wrapText="1"/>
    </xf>
    <xf numFmtId="0" fontId="3" fillId="5" borderId="26" xfId="0" applyFont="1" applyFill="1" applyBorder="1" applyAlignment="1">
      <alignment horizontal="center" vertical="center" wrapText="1"/>
    </xf>
    <xf numFmtId="0" fontId="3" fillId="5" borderId="27" xfId="0" applyFont="1" applyFill="1" applyBorder="1" applyAlignment="1">
      <alignment horizontal="center" vertical="center" wrapText="1"/>
    </xf>
    <xf numFmtId="0" fontId="4" fillId="5" borderId="2" xfId="0" applyFont="1" applyFill="1" applyBorder="1" applyAlignment="1">
      <alignment horizontal="center" vertical="center" wrapText="1"/>
    </xf>
    <xf numFmtId="0" fontId="3" fillId="5" borderId="3" xfId="0" applyFont="1" applyFill="1" applyBorder="1" applyAlignment="1">
      <alignment horizontal="center" vertical="center" wrapText="1"/>
    </xf>
    <xf numFmtId="0" fontId="3" fillId="5" borderId="4" xfId="0" applyFont="1" applyFill="1" applyBorder="1" applyAlignment="1">
      <alignment horizontal="center" vertical="center" wrapText="1"/>
    </xf>
    <xf numFmtId="0" fontId="3" fillId="5" borderId="5" xfId="0" applyFont="1" applyFill="1" applyBorder="1" applyAlignment="1">
      <alignment horizontal="center" vertical="center" wrapText="1"/>
    </xf>
    <xf numFmtId="0" fontId="3" fillId="5" borderId="6" xfId="0" applyFont="1" applyFill="1" applyBorder="1" applyAlignment="1">
      <alignment horizontal="center" vertical="center" wrapText="1"/>
    </xf>
    <xf numFmtId="0" fontId="3" fillId="5" borderId="8" xfId="0" applyFont="1" applyFill="1" applyBorder="1" applyAlignment="1">
      <alignment horizontal="center" vertical="center" wrapText="1"/>
    </xf>
    <xf numFmtId="0" fontId="3" fillId="5" borderId="9" xfId="0" applyFont="1" applyFill="1" applyBorder="1" applyAlignment="1">
      <alignment horizontal="center" vertical="center" wrapText="1"/>
    </xf>
    <xf numFmtId="0" fontId="3" fillId="5" borderId="7" xfId="0" applyFont="1" applyFill="1" applyBorder="1" applyAlignment="1">
      <alignment horizontal="center" vertical="center" wrapText="1"/>
    </xf>
    <xf numFmtId="0" fontId="5" fillId="5" borderId="8" xfId="0" applyFont="1" applyFill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colors>
    <mruColors>
      <color rgb="FFFFEBFF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2"/>
  <sheetViews>
    <sheetView tabSelected="1" topLeftCell="A4" workbookViewId="0">
      <selection activeCell="C17" sqref="C17"/>
    </sheetView>
  </sheetViews>
  <sheetFormatPr defaultRowHeight="14.25"/>
  <cols>
    <col min="1" max="1" width="2" customWidth="1"/>
    <col min="2" max="2" width="7.42578125" style="7" customWidth="1"/>
    <col min="3" max="3" width="46.7109375" style="7" customWidth="1"/>
    <col min="4" max="4" width="27.85546875" style="7" customWidth="1"/>
    <col min="5" max="5" width="28.28515625" style="7" customWidth="1"/>
    <col min="6" max="6" width="12.85546875" style="7" customWidth="1"/>
    <col min="7" max="7" width="9.140625" style="7"/>
    <col min="8" max="8" width="15.140625" style="7" bestFit="1" customWidth="1"/>
    <col min="9" max="9" width="15" style="7" customWidth="1"/>
    <col min="10" max="10" width="14.28515625" style="7" customWidth="1"/>
    <col min="11" max="11" width="15.7109375" style="7" customWidth="1"/>
    <col min="12" max="12" width="16" style="7" bestFit="1" customWidth="1"/>
    <col min="13" max="13" width="15.28515625" style="7" customWidth="1"/>
  </cols>
  <sheetData>
    <row r="2" spans="2:17" ht="15.75" customHeight="1">
      <c r="B2" s="19" t="s">
        <v>35</v>
      </c>
      <c r="C2" s="20"/>
      <c r="D2" s="20"/>
      <c r="E2" s="20"/>
      <c r="F2" s="20"/>
      <c r="G2" s="20"/>
      <c r="H2" s="20"/>
      <c r="I2" s="21"/>
      <c r="J2" s="19" t="s">
        <v>27</v>
      </c>
      <c r="K2" s="20"/>
      <c r="L2" s="20"/>
      <c r="M2" s="21"/>
    </row>
    <row r="3" spans="2:17" ht="15.75" customHeight="1">
      <c r="B3" s="22"/>
      <c r="C3" s="23"/>
      <c r="D3" s="23"/>
      <c r="E3" s="23"/>
      <c r="F3" s="23"/>
      <c r="G3" s="23"/>
      <c r="H3" s="23"/>
      <c r="I3" s="24"/>
      <c r="J3" s="25"/>
      <c r="K3" s="26"/>
      <c r="L3" s="26"/>
      <c r="M3" s="27"/>
    </row>
    <row r="4" spans="2:17" ht="27.75" customHeight="1" thickBot="1">
      <c r="B4" s="19" t="s">
        <v>28</v>
      </c>
      <c r="C4" s="20"/>
      <c r="D4" s="20"/>
      <c r="E4" s="20"/>
      <c r="F4" s="20"/>
      <c r="G4" s="20"/>
      <c r="H4" s="20"/>
      <c r="I4" s="21"/>
      <c r="J4" s="28"/>
      <c r="K4" s="29"/>
      <c r="L4" s="29"/>
      <c r="M4" s="30"/>
    </row>
    <row r="5" spans="2:17" ht="15.75" thickBot="1">
      <c r="B5" s="48"/>
      <c r="C5" s="52"/>
      <c r="D5" s="53" t="s">
        <v>10</v>
      </c>
      <c r="E5" s="53" t="s">
        <v>15</v>
      </c>
      <c r="F5" s="53" t="s">
        <v>22</v>
      </c>
      <c r="G5" s="53" t="s">
        <v>0</v>
      </c>
      <c r="H5" s="54" t="s">
        <v>1</v>
      </c>
      <c r="I5" s="55" t="s">
        <v>12</v>
      </c>
      <c r="J5" s="56" t="s">
        <v>21</v>
      </c>
      <c r="K5" s="54" t="s">
        <v>11</v>
      </c>
      <c r="L5" s="57" t="s">
        <v>17</v>
      </c>
      <c r="M5" s="58" t="s">
        <v>18</v>
      </c>
    </row>
    <row r="6" spans="2:17" ht="111" customHeight="1">
      <c r="B6" s="49" t="s">
        <v>13</v>
      </c>
      <c r="C6" s="59" t="s">
        <v>2</v>
      </c>
      <c r="D6" s="60" t="s">
        <v>24</v>
      </c>
      <c r="E6" s="59" t="s">
        <v>26</v>
      </c>
      <c r="F6" s="59" t="s">
        <v>6</v>
      </c>
      <c r="G6" s="59" t="s">
        <v>5</v>
      </c>
      <c r="H6" s="57" t="s">
        <v>4</v>
      </c>
      <c r="I6" s="57" t="s">
        <v>8</v>
      </c>
      <c r="J6" s="57" t="s">
        <v>20</v>
      </c>
      <c r="K6" s="57" t="s">
        <v>3</v>
      </c>
      <c r="L6" s="57" t="s">
        <v>7</v>
      </c>
      <c r="M6" s="58" t="s">
        <v>9</v>
      </c>
      <c r="N6" s="1"/>
      <c r="O6" s="1"/>
      <c r="P6" s="1"/>
    </row>
    <row r="7" spans="2:17" ht="102">
      <c r="B7" s="50" t="s">
        <v>19</v>
      </c>
      <c r="C7" s="9" t="s">
        <v>32</v>
      </c>
      <c r="D7" s="3"/>
      <c r="E7" s="3"/>
      <c r="F7" s="4" t="s">
        <v>31</v>
      </c>
      <c r="G7" s="4">
        <v>24</v>
      </c>
      <c r="H7" s="5"/>
      <c r="I7" s="5">
        <f>ROUND(G7*H7,2)</f>
        <v>0</v>
      </c>
      <c r="J7" s="6"/>
      <c r="K7" s="5">
        <f>ROUND(I7*J7,2)</f>
        <v>0</v>
      </c>
      <c r="L7" s="5">
        <f>ROUND(M7/G7,2)</f>
        <v>0</v>
      </c>
      <c r="M7" s="8">
        <f>ROUND(SUM(I7,K7),2)</f>
        <v>0</v>
      </c>
      <c r="N7" s="1"/>
      <c r="O7" s="1"/>
      <c r="P7" s="1"/>
    </row>
    <row r="8" spans="2:17" ht="64.5" thickBot="1">
      <c r="B8" s="51" t="s">
        <v>30</v>
      </c>
      <c r="C8" s="10" t="s">
        <v>36</v>
      </c>
      <c r="D8" s="11"/>
      <c r="E8" s="11"/>
      <c r="F8" s="12" t="s">
        <v>29</v>
      </c>
      <c r="G8" s="12">
        <v>120</v>
      </c>
      <c r="H8" s="13"/>
      <c r="I8" s="13">
        <f t="shared" ref="I8" si="0">ROUND(G8*H8,2)</f>
        <v>0</v>
      </c>
      <c r="J8" s="14"/>
      <c r="K8" s="13">
        <f t="shared" ref="K8" si="1">ROUND(I8*J8,2)</f>
        <v>0</v>
      </c>
      <c r="L8" s="13">
        <f t="shared" ref="L8" si="2">ROUND(M8/G8,2)</f>
        <v>0</v>
      </c>
      <c r="M8" s="15">
        <f t="shared" ref="M8" si="3">ROUND(SUM(I8,K8),2)</f>
        <v>0</v>
      </c>
      <c r="N8" s="1"/>
      <c r="O8" s="1"/>
      <c r="P8" s="1"/>
    </row>
    <row r="9" spans="2:17" ht="22.5" customHeight="1" thickBot="1">
      <c r="B9" s="31"/>
      <c r="C9" s="32"/>
      <c r="D9" s="32"/>
      <c r="E9" s="32"/>
      <c r="F9" s="32"/>
      <c r="G9" s="32"/>
      <c r="H9" s="16" t="s">
        <v>14</v>
      </c>
      <c r="I9" s="16">
        <f>SUM(I7:I8)</f>
        <v>0</v>
      </c>
      <c r="J9" s="17" t="s">
        <v>33</v>
      </c>
      <c r="K9" s="17">
        <f>SUM(K7:K8)</f>
        <v>0</v>
      </c>
      <c r="L9" s="18" t="s">
        <v>34</v>
      </c>
      <c r="M9" s="18">
        <f>SUM(M7:M8)</f>
        <v>0</v>
      </c>
      <c r="N9" s="1"/>
      <c r="O9" s="1"/>
      <c r="P9" s="1"/>
      <c r="Q9" s="2"/>
    </row>
    <row r="10" spans="2:17" ht="21.75" customHeight="1">
      <c r="B10" s="33" t="s">
        <v>23</v>
      </c>
      <c r="C10" s="34"/>
      <c r="D10" s="34"/>
      <c r="E10" s="34"/>
      <c r="F10" s="34"/>
      <c r="G10" s="34"/>
      <c r="H10" s="35"/>
      <c r="I10" s="39" t="s">
        <v>16</v>
      </c>
      <c r="J10" s="40"/>
      <c r="K10" s="40"/>
      <c r="L10" s="40"/>
      <c r="M10" s="41"/>
      <c r="N10" s="1"/>
      <c r="O10" s="1"/>
      <c r="P10" s="1"/>
    </row>
    <row r="11" spans="2:17" ht="26.25" customHeight="1">
      <c r="B11" s="36"/>
      <c r="C11" s="37"/>
      <c r="D11" s="37"/>
      <c r="E11" s="37"/>
      <c r="F11" s="37"/>
      <c r="G11" s="37"/>
      <c r="H11" s="38"/>
      <c r="I11" s="39"/>
      <c r="J11" s="40"/>
      <c r="K11" s="40"/>
      <c r="L11" s="40"/>
      <c r="M11" s="41"/>
      <c r="N11" s="1"/>
      <c r="O11" s="1"/>
      <c r="P11" s="1"/>
    </row>
    <row r="12" spans="2:17" ht="59.25" customHeight="1">
      <c r="B12" s="45" t="s">
        <v>25</v>
      </c>
      <c r="C12" s="46"/>
      <c r="D12" s="46"/>
      <c r="E12" s="46"/>
      <c r="F12" s="46"/>
      <c r="G12" s="46"/>
      <c r="H12" s="47"/>
      <c r="I12" s="42"/>
      <c r="J12" s="43"/>
      <c r="K12" s="43"/>
      <c r="L12" s="43"/>
      <c r="M12" s="44"/>
      <c r="N12" s="1"/>
      <c r="O12" s="1"/>
      <c r="P12" s="1"/>
    </row>
  </sheetData>
  <mergeCells count="7">
    <mergeCell ref="B2:I3"/>
    <mergeCell ref="J2:M4"/>
    <mergeCell ref="B4:I4"/>
    <mergeCell ref="B9:G9"/>
    <mergeCell ref="B10:H11"/>
    <mergeCell ref="I10:M12"/>
    <mergeCell ref="B12:H12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1-03-10T11:27:11Z</cp:lastPrinted>
  <dcterms:created xsi:type="dcterms:W3CDTF">2012-02-10T11:34:38Z</dcterms:created>
  <dcterms:modified xsi:type="dcterms:W3CDTF">2021-11-24T08:59:48Z</dcterms:modified>
</cp:coreProperties>
</file>